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1"/>
  </p:notesMasterIdLst>
  <p:handoutMasterIdLst>
    <p:handoutMasterId r:id="rId32"/>
  </p:handoutMasterIdLst>
  <p:sldIdLst>
    <p:sldId id="261" r:id="rId2"/>
    <p:sldId id="262" r:id="rId3"/>
    <p:sldId id="293" r:id="rId4"/>
    <p:sldId id="264" r:id="rId5"/>
    <p:sldId id="294" r:id="rId6"/>
    <p:sldId id="270" r:id="rId7"/>
    <p:sldId id="271" r:id="rId8"/>
    <p:sldId id="272" r:id="rId9"/>
    <p:sldId id="273" r:id="rId10"/>
    <p:sldId id="274" r:id="rId11"/>
    <p:sldId id="275" r:id="rId12"/>
    <p:sldId id="276" r:id="rId13"/>
    <p:sldId id="277" r:id="rId14"/>
    <p:sldId id="278" r:id="rId15"/>
    <p:sldId id="279" r:id="rId16"/>
    <p:sldId id="280" r:id="rId17"/>
    <p:sldId id="284" r:id="rId18"/>
    <p:sldId id="295" r:id="rId19"/>
    <p:sldId id="296" r:id="rId20"/>
    <p:sldId id="297" r:id="rId21"/>
    <p:sldId id="285" r:id="rId22"/>
    <p:sldId id="286" r:id="rId23"/>
    <p:sldId id="287" r:id="rId24"/>
    <p:sldId id="288" r:id="rId25"/>
    <p:sldId id="289" r:id="rId26"/>
    <p:sldId id="290" r:id="rId27"/>
    <p:sldId id="291" r:id="rId28"/>
    <p:sldId id="298" r:id="rId29"/>
    <p:sldId id="260" r:id="rId30"/>
  </p:sldIdLst>
  <p:sldSz cx="12188825" cy="6858000"/>
  <p:notesSz cx="6797675" cy="9926638"/>
  <p:embeddedFontLst>
    <p:embeddedFont>
      <p:font typeface="AU Passata" panose="020B0503030502030804" pitchFamily="34" charset="77"/>
      <p:regular r:id="rId33"/>
      <p:bold r:id="rId34"/>
    </p:embeddedFont>
    <p:embeddedFont>
      <p:font typeface="AU Passata Light" panose="020B0303030902030804" pitchFamily="34" charset="77"/>
      <p:regular r:id="rId35"/>
      <p:bold r:id="rId36"/>
    </p:embeddedFont>
    <p:embeddedFont>
      <p:font typeface="AU Peto" pitchFamily="82" charset="77"/>
      <p:regular r:id="rId37"/>
      <p:bold r:id="rId38"/>
    </p:embeddedFont>
    <p:embeddedFont>
      <p:font typeface="Calibri" panose="020F0502020204030204" pitchFamily="34" charset="0"/>
      <p:regular r:id="rId39"/>
      <p:bold r:id="rId40"/>
      <p:italic r:id="rId41"/>
      <p:boldItalic r:id="rId42"/>
    </p:embeddedFont>
    <p:embeddedFont>
      <p:font typeface="Cambria Math" panose="02040503050406030204" pitchFamily="18" charset="0"/>
      <p:regular r:id="rId43"/>
    </p:embeddedFont>
    <p:embeddedFont>
      <p:font typeface="Georgia" panose="02040502050405020303" pitchFamily="18" charset="0"/>
      <p:regular r:id="rId44"/>
      <p:bold r:id="rId45"/>
      <p:italic r:id="rId46"/>
      <p:boldItalic r:id="rId47"/>
    </p:embeddedFont>
    <p:embeddedFont>
      <p:font typeface="Trebuchet MS" panose="020B0703020202090204" pitchFamily="34" charset="0"/>
      <p:regular r:id="rId48"/>
      <p:bold r:id="rId49"/>
      <p:italic r:id="rId50"/>
    </p:embeddedFont>
    <p:embeddedFont>
      <p:font typeface="Wingdings 3" pitchFamily="2" charset="2"/>
      <p:regular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000"/>
    <a:srgbClr val="0400F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091" autoAdjust="0"/>
    <p:restoredTop sz="80661" autoAdjust="0"/>
  </p:normalViewPr>
  <p:slideViewPr>
    <p:cSldViewPr snapToObjects="1" showGuides="1">
      <p:cViewPr>
        <p:scale>
          <a:sx n="113" d="100"/>
          <a:sy n="113" d="100"/>
        </p:scale>
        <p:origin x="2544" y="7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7.fntdata"/><Relationship Id="rId21" Type="http://schemas.openxmlformats.org/officeDocument/2006/relationships/slide" Target="slides/slide20.xml"/><Relationship Id="rId34" Type="http://schemas.openxmlformats.org/officeDocument/2006/relationships/font" Target="fonts/font2.fntdata"/><Relationship Id="rId42" Type="http://schemas.openxmlformats.org/officeDocument/2006/relationships/font" Target="fonts/font10.fntdata"/><Relationship Id="rId47" Type="http://schemas.openxmlformats.org/officeDocument/2006/relationships/font" Target="fonts/font15.fntdata"/><Relationship Id="rId50" Type="http://schemas.openxmlformats.org/officeDocument/2006/relationships/font" Target="fonts/font18.fntdata"/><Relationship Id="rId55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handoutMaster" Target="handoutMasters/handoutMaster1.xml"/><Relationship Id="rId37" Type="http://schemas.openxmlformats.org/officeDocument/2006/relationships/font" Target="fonts/font5.fntdata"/><Relationship Id="rId40" Type="http://schemas.openxmlformats.org/officeDocument/2006/relationships/font" Target="fonts/font8.fntdata"/><Relationship Id="rId45" Type="http://schemas.openxmlformats.org/officeDocument/2006/relationships/font" Target="fonts/font13.fntdata"/><Relationship Id="rId53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4" Type="http://schemas.openxmlformats.org/officeDocument/2006/relationships/font" Target="fonts/font12.fntdata"/><Relationship Id="rId52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3.fntdata"/><Relationship Id="rId43" Type="http://schemas.openxmlformats.org/officeDocument/2006/relationships/font" Target="fonts/font11.fntdata"/><Relationship Id="rId48" Type="http://schemas.openxmlformats.org/officeDocument/2006/relationships/font" Target="fonts/font16.fntdata"/><Relationship Id="rId8" Type="http://schemas.openxmlformats.org/officeDocument/2006/relationships/slide" Target="slides/slide7.xml"/><Relationship Id="rId51" Type="http://schemas.openxmlformats.org/officeDocument/2006/relationships/font" Target="fonts/font19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1.fntdata"/><Relationship Id="rId38" Type="http://schemas.openxmlformats.org/officeDocument/2006/relationships/font" Target="fonts/font6.fntdata"/><Relationship Id="rId46" Type="http://schemas.openxmlformats.org/officeDocument/2006/relationships/font" Target="fonts/font14.fntdata"/><Relationship Id="rId20" Type="http://schemas.openxmlformats.org/officeDocument/2006/relationships/slide" Target="slides/slide19.xml"/><Relationship Id="rId41" Type="http://schemas.openxmlformats.org/officeDocument/2006/relationships/font" Target="fonts/font9.fntdata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4.fntdata"/><Relationship Id="rId49" Type="http://schemas.openxmlformats.org/officeDocument/2006/relationships/font" Target="fonts/font17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019658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229445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679602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643817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632334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86392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0320100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Population genetics parameters have been inferred using HMM. </a:t>
            </a:r>
          </a:p>
          <a:p>
            <a:r>
              <a:rPr lang="en-GB" dirty="0"/>
              <a:t>- Hidden states are phylogenetic trees / coalescent times.</a:t>
            </a:r>
          </a:p>
          <a:p>
            <a:r>
              <a:rPr lang="en-GB" dirty="0"/>
              <a:t>- Observed states are sites along the genom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243513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Parameterization = inferenc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838005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3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4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7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6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7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6.png"/><Relationship Id="rId13" Type="http://schemas.openxmlformats.org/officeDocument/2006/relationships/image" Target="../media/image55.png"/><Relationship Id="rId18" Type="http://schemas.openxmlformats.org/officeDocument/2006/relationships/image" Target="../media/image28.svg"/><Relationship Id="rId26" Type="http://schemas.openxmlformats.org/officeDocument/2006/relationships/image" Target="../media/image74.png"/><Relationship Id="rId3" Type="http://schemas.openxmlformats.org/officeDocument/2006/relationships/notesSlide" Target="../notesSlides/notesSlide17.xml"/><Relationship Id="rId21" Type="http://schemas.openxmlformats.org/officeDocument/2006/relationships/image" Target="../media/image69.png"/><Relationship Id="rId7" Type="http://schemas.openxmlformats.org/officeDocument/2006/relationships/image" Target="../media/image65.png"/><Relationship Id="rId12" Type="http://schemas.openxmlformats.org/officeDocument/2006/relationships/image" Target="../media/image54.png"/><Relationship Id="rId17" Type="http://schemas.openxmlformats.org/officeDocument/2006/relationships/image" Target="../media/image27.png"/><Relationship Id="rId25" Type="http://schemas.openxmlformats.org/officeDocument/2006/relationships/image" Target="../media/image73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6.svg"/><Relationship Id="rId20" Type="http://schemas.openxmlformats.org/officeDocument/2006/relationships/image" Target="../media/image68.png"/><Relationship Id="rId1" Type="http://schemas.openxmlformats.org/officeDocument/2006/relationships/tags" Target="../tags/tag18.xml"/><Relationship Id="rId6" Type="http://schemas.openxmlformats.org/officeDocument/2006/relationships/image" Target="../media/image50.svg"/><Relationship Id="rId11" Type="http://schemas.openxmlformats.org/officeDocument/2006/relationships/image" Target="../media/image53.png"/><Relationship Id="rId24" Type="http://schemas.openxmlformats.org/officeDocument/2006/relationships/image" Target="../media/image72.png"/><Relationship Id="rId5" Type="http://schemas.openxmlformats.org/officeDocument/2006/relationships/image" Target="../media/image49.png"/><Relationship Id="rId15" Type="http://schemas.openxmlformats.org/officeDocument/2006/relationships/image" Target="../media/image25.png"/><Relationship Id="rId23" Type="http://schemas.openxmlformats.org/officeDocument/2006/relationships/image" Target="../media/image71.png"/><Relationship Id="rId10" Type="http://schemas.openxmlformats.org/officeDocument/2006/relationships/image" Target="../media/image52.png"/><Relationship Id="rId19" Type="http://schemas.openxmlformats.org/officeDocument/2006/relationships/image" Target="../media/image67.png"/><Relationship Id="rId4" Type="http://schemas.openxmlformats.org/officeDocument/2006/relationships/image" Target="../media/image48.png"/><Relationship Id="rId9" Type="http://schemas.openxmlformats.org/officeDocument/2006/relationships/image" Target="../media/image51.png"/><Relationship Id="rId14" Type="http://schemas.openxmlformats.org/officeDocument/2006/relationships/image" Target="../media/image56.png"/><Relationship Id="rId22" Type="http://schemas.openxmlformats.org/officeDocument/2006/relationships/image" Target="../media/image70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76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8.xml"/><Relationship Id="rId21" Type="http://schemas.openxmlformats.org/officeDocument/2006/relationships/image" Target="../media/image79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75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78.png"/><Relationship Id="rId1" Type="http://schemas.openxmlformats.org/officeDocument/2006/relationships/tags" Target="../tags/tag19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82.png"/><Relationship Id="rId5" Type="http://schemas.openxmlformats.org/officeDocument/2006/relationships/image" Target="../media/image49.png"/><Relationship Id="rId15" Type="http://schemas.openxmlformats.org/officeDocument/2006/relationships/image" Target="../media/image27.png"/><Relationship Id="rId23" Type="http://schemas.openxmlformats.org/officeDocument/2006/relationships/image" Target="../media/image81.png"/><Relationship Id="rId10" Type="http://schemas.openxmlformats.org/officeDocument/2006/relationships/image" Target="../media/image54.png"/><Relationship Id="rId19" Type="http://schemas.openxmlformats.org/officeDocument/2006/relationships/image" Target="../media/image77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8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png"/><Relationship Id="rId13" Type="http://schemas.openxmlformats.org/officeDocument/2006/relationships/image" Target="../media/image88.png"/><Relationship Id="rId18" Type="http://schemas.openxmlformats.org/officeDocument/2006/relationships/image" Target="../media/image50.sv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9.xml"/><Relationship Id="rId21" Type="http://schemas.openxmlformats.org/officeDocument/2006/relationships/image" Target="../media/image53.png"/><Relationship Id="rId7" Type="http://schemas.openxmlformats.org/officeDocument/2006/relationships/image" Target="../media/image28.svg"/><Relationship Id="rId12" Type="http://schemas.openxmlformats.org/officeDocument/2006/relationships/image" Target="../media/image87.png"/><Relationship Id="rId17" Type="http://schemas.openxmlformats.org/officeDocument/2006/relationships/image" Target="../media/image49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48.png"/><Relationship Id="rId20" Type="http://schemas.openxmlformats.org/officeDocument/2006/relationships/image" Target="../media/image52.png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86.png"/><Relationship Id="rId24" Type="http://schemas.openxmlformats.org/officeDocument/2006/relationships/image" Target="../media/image56.png"/><Relationship Id="rId5" Type="http://schemas.openxmlformats.org/officeDocument/2006/relationships/image" Target="../media/image26.svg"/><Relationship Id="rId15" Type="http://schemas.openxmlformats.org/officeDocument/2006/relationships/image" Target="../media/image90.png"/><Relationship Id="rId23" Type="http://schemas.openxmlformats.org/officeDocument/2006/relationships/image" Target="../media/image55.png"/><Relationship Id="rId10" Type="http://schemas.openxmlformats.org/officeDocument/2006/relationships/image" Target="../media/image85.png"/><Relationship Id="rId19" Type="http://schemas.openxmlformats.org/officeDocument/2006/relationships/image" Target="../media/image51.png"/><Relationship Id="rId4" Type="http://schemas.openxmlformats.org/officeDocument/2006/relationships/image" Target="../media/image25.png"/><Relationship Id="rId9" Type="http://schemas.openxmlformats.org/officeDocument/2006/relationships/image" Target="../media/image84.png"/><Relationship Id="rId14" Type="http://schemas.openxmlformats.org/officeDocument/2006/relationships/image" Target="../media/image89.png"/><Relationship Id="rId22" Type="http://schemas.openxmlformats.org/officeDocument/2006/relationships/image" Target="../media/image54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91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5" Type="http://schemas.openxmlformats.org/officeDocument/2006/relationships/image" Target="../media/image91.png"/><Relationship Id="rId4" Type="http://schemas.openxmlformats.org/officeDocument/2006/relationships/image" Target="../media/image9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22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92.png"/><Relationship Id="rId1" Type="http://schemas.openxmlformats.org/officeDocument/2006/relationships/tags" Target="../tags/tag23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93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94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4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5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6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7" Type="http://schemas.openxmlformats.org/officeDocument/2006/relationships/image" Target="../media/image9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6" Type="http://schemas.openxmlformats.org/officeDocument/2006/relationships/image" Target="../media/image97.jpeg"/><Relationship Id="rId5" Type="http://schemas.openxmlformats.org/officeDocument/2006/relationships/image" Target="../media/image96.png"/><Relationship Id="rId4" Type="http://schemas.openxmlformats.org/officeDocument/2006/relationships/image" Target="../media/image95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13" Type="http://schemas.openxmlformats.org/officeDocument/2006/relationships/image" Target="../media/image22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6.svg"/><Relationship Id="rId12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5.png"/><Relationship Id="rId11" Type="http://schemas.openxmlformats.org/officeDocument/2006/relationships/image" Target="../media/image20.svg"/><Relationship Id="rId5" Type="http://schemas.openxmlformats.org/officeDocument/2006/relationships/image" Target="../media/image14.sv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8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40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E98E041-AC4C-B647-A0B1-C36E46F8B7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3390465-EE18-4048-BBA9-DED69006BB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E9D5131-EE19-A248-85DF-22E1BBAFB6FB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0691A667-73B1-8348-87FE-58F8BA3492C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E0BFE981-58E8-B448-9241-A72183043C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CA1A884-54E5-0E40-84EA-4BC6FF93B72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6D87C44D-E679-8B4E-A019-5A9EBE3DEA5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14661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2178" y="1185900"/>
            <a:ext cx="4968552" cy="4968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C1BEEF2-3442-6F42-9F55-B21DD4A2B2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5280A7-638D-9844-A416-F0A73D523C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51B14928-A8D2-D743-A0EF-09660B3272C3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ED44D62D-FA98-E140-8A06-C7D198B82E9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FEB18426-A20F-A742-BD7D-9714C48CBD7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144652E0-C2A6-3947-892E-A7CF304C32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554505EC-C108-4240-BF52-16B55576CC8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67929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A59648C-9B75-6841-8CB3-90216488524A}"/>
              </a:ext>
            </a:extLst>
          </p:cNvPr>
          <p:cNvGrpSpPr/>
          <p:nvPr/>
        </p:nvGrpSpPr>
        <p:grpSpPr>
          <a:xfrm>
            <a:off x="4854293" y="3666566"/>
            <a:ext cx="2668631" cy="2376496"/>
            <a:chOff x="2539189" y="3643856"/>
            <a:chExt cx="2516502" cy="2241021"/>
          </a:xfrm>
          <a:solidFill>
            <a:schemeClr val="bg1">
              <a:lumMod val="85000"/>
            </a:schemeClr>
          </a:solidFill>
        </p:grpSpPr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6A425F65-C367-EF4C-B477-46F58E63845E}"/>
                </a:ext>
              </a:extLst>
            </p:cNvPr>
            <p:cNvSpPr/>
            <p:nvPr/>
          </p:nvSpPr>
          <p:spPr bwMode="auto">
            <a:xfrm>
              <a:off x="3938867" y="3643856"/>
              <a:ext cx="1116824" cy="2233648"/>
            </a:xfrm>
            <a:custGeom>
              <a:avLst/>
              <a:gdLst>
                <a:gd name="connsiteX0" fmla="*/ 558412 w 1116824"/>
                <a:gd name="connsiteY0" fmla="*/ 2233648 h 2233648"/>
                <a:gd name="connsiteX1" fmla="*/ 1116824 w 1116824"/>
                <a:gd name="connsiteY1" fmla="*/ 2233648 h 2233648"/>
                <a:gd name="connsiteX2" fmla="*/ 565392 w 1116824"/>
                <a:gd name="connsiteY2" fmla="*/ 0 h 2233648"/>
                <a:gd name="connsiteX3" fmla="*/ 0 w 1116824"/>
                <a:gd name="connsiteY3" fmla="*/ 0 h 2233648"/>
                <a:gd name="connsiteX4" fmla="*/ 558412 w 1116824"/>
                <a:gd name="connsiteY4" fmla="*/ 2233648 h 22336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6824" h="2233648">
                  <a:moveTo>
                    <a:pt x="558412" y="2233648"/>
                  </a:moveTo>
                  <a:lnTo>
                    <a:pt x="1116824" y="2233648"/>
                  </a:lnTo>
                  <a:lnTo>
                    <a:pt x="565392" y="0"/>
                  </a:lnTo>
                  <a:lnTo>
                    <a:pt x="0" y="0"/>
                  </a:lnTo>
                  <a:lnTo>
                    <a:pt x="558412" y="2233648"/>
                  </a:lnTo>
                  <a:close/>
                </a:path>
              </a:pathLst>
            </a:custGeom>
            <a:grpFill/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8D47F358-0A6B-6C48-B0D9-5601D39E7D3B}"/>
                </a:ext>
              </a:extLst>
            </p:cNvPr>
            <p:cNvSpPr/>
            <p:nvPr/>
          </p:nvSpPr>
          <p:spPr bwMode="auto">
            <a:xfrm>
              <a:off x="3370555" y="4769352"/>
              <a:ext cx="847899" cy="1108364"/>
            </a:xfrm>
            <a:custGeom>
              <a:avLst/>
              <a:gdLst>
                <a:gd name="connsiteX0" fmla="*/ 0 w 847899"/>
                <a:gd name="connsiteY0" fmla="*/ 0 h 1108364"/>
                <a:gd name="connsiteX1" fmla="*/ 282633 w 847899"/>
                <a:gd name="connsiteY1" fmla="*/ 1108364 h 1108364"/>
                <a:gd name="connsiteX2" fmla="*/ 847899 w 847899"/>
                <a:gd name="connsiteY2" fmla="*/ 1108364 h 1108364"/>
                <a:gd name="connsiteX3" fmla="*/ 565266 w 847899"/>
                <a:gd name="connsiteY3" fmla="*/ 0 h 1108364"/>
                <a:gd name="connsiteX4" fmla="*/ 0 w 847899"/>
                <a:gd name="connsiteY4" fmla="*/ 0 h 1108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899" h="1108364">
                  <a:moveTo>
                    <a:pt x="0" y="0"/>
                  </a:moveTo>
                  <a:lnTo>
                    <a:pt x="282633" y="1108364"/>
                  </a:lnTo>
                  <a:lnTo>
                    <a:pt x="847899" y="1108364"/>
                  </a:lnTo>
                  <a:lnTo>
                    <a:pt x="56526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Freeform 52">
              <a:extLst>
                <a:ext uri="{FF2B5EF4-FFF2-40B4-BE49-F238E27FC236}">
                  <a16:creationId xmlns:a16="http://schemas.microsoft.com/office/drawing/2014/main" id="{2EFA0F56-8EF6-F249-A753-8D92756D036C}"/>
                </a:ext>
              </a:extLst>
            </p:cNvPr>
            <p:cNvSpPr/>
            <p:nvPr/>
          </p:nvSpPr>
          <p:spPr bwMode="auto">
            <a:xfrm>
              <a:off x="2539189" y="4759856"/>
              <a:ext cx="837344" cy="1125021"/>
            </a:xfrm>
            <a:custGeom>
              <a:avLst/>
              <a:gdLst>
                <a:gd name="connsiteX0" fmla="*/ 0 w 837344"/>
                <a:gd name="connsiteY0" fmla="*/ 1119884 h 1125021"/>
                <a:gd name="connsiteX1" fmla="*/ 277403 w 837344"/>
                <a:gd name="connsiteY1" fmla="*/ 5138 h 1125021"/>
                <a:gd name="connsiteX2" fmla="*/ 837344 w 837344"/>
                <a:gd name="connsiteY2" fmla="*/ 0 h 1125021"/>
                <a:gd name="connsiteX3" fmla="*/ 554805 w 837344"/>
                <a:gd name="connsiteY3" fmla="*/ 1125021 h 1125021"/>
                <a:gd name="connsiteX4" fmla="*/ 0 w 837344"/>
                <a:gd name="connsiteY4" fmla="*/ 1119884 h 1125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37344" h="1125021">
                  <a:moveTo>
                    <a:pt x="0" y="1119884"/>
                  </a:moveTo>
                  <a:lnTo>
                    <a:pt x="277403" y="5138"/>
                  </a:lnTo>
                  <a:lnTo>
                    <a:pt x="837344" y="0"/>
                  </a:lnTo>
                  <a:lnTo>
                    <a:pt x="554805" y="1125021"/>
                  </a:lnTo>
                  <a:lnTo>
                    <a:pt x="0" y="1119884"/>
                  </a:lnTo>
                  <a:close/>
                </a:path>
              </a:pathLst>
            </a:custGeom>
            <a:grpFill/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E495FC44-719D-B34E-86D5-5F4A89C933C6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E495FC44-719D-B34E-86D5-5F4A89C933C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7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15CEA186-55A5-9841-A56F-A760E85D7E59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15CEA186-55A5-9841-A56F-A760E85D7E5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8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9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10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11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2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3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4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9" name="Group 28">
            <a:extLst>
              <a:ext uri="{FF2B5EF4-FFF2-40B4-BE49-F238E27FC236}">
                <a16:creationId xmlns:a16="http://schemas.microsoft.com/office/drawing/2014/main" id="{B0FCBF2F-D777-1B43-B0E6-7B426483796B}"/>
              </a:ext>
            </a:extLst>
          </p:cNvPr>
          <p:cNvGrpSpPr/>
          <p:nvPr/>
        </p:nvGrpSpPr>
        <p:grpSpPr>
          <a:xfrm>
            <a:off x="15953074" y="4069157"/>
            <a:ext cx="1872589" cy="1667597"/>
            <a:chOff x="2539189" y="3643856"/>
            <a:chExt cx="2516502" cy="2241021"/>
          </a:xfrm>
        </p:grpSpPr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DDE56B30-B248-7547-9F1A-845A3D904864}"/>
                </a:ext>
              </a:extLst>
            </p:cNvPr>
            <p:cNvSpPr/>
            <p:nvPr/>
          </p:nvSpPr>
          <p:spPr bwMode="auto">
            <a:xfrm>
              <a:off x="3938867" y="3643856"/>
              <a:ext cx="1116824" cy="2233648"/>
            </a:xfrm>
            <a:custGeom>
              <a:avLst/>
              <a:gdLst>
                <a:gd name="connsiteX0" fmla="*/ 558412 w 1116824"/>
                <a:gd name="connsiteY0" fmla="*/ 2233648 h 2233648"/>
                <a:gd name="connsiteX1" fmla="*/ 1116824 w 1116824"/>
                <a:gd name="connsiteY1" fmla="*/ 2233648 h 2233648"/>
                <a:gd name="connsiteX2" fmla="*/ 565392 w 1116824"/>
                <a:gd name="connsiteY2" fmla="*/ 0 h 2233648"/>
                <a:gd name="connsiteX3" fmla="*/ 0 w 1116824"/>
                <a:gd name="connsiteY3" fmla="*/ 0 h 2233648"/>
                <a:gd name="connsiteX4" fmla="*/ 558412 w 1116824"/>
                <a:gd name="connsiteY4" fmla="*/ 2233648 h 22336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6824" h="2233648">
                  <a:moveTo>
                    <a:pt x="558412" y="2233648"/>
                  </a:moveTo>
                  <a:lnTo>
                    <a:pt x="1116824" y="2233648"/>
                  </a:lnTo>
                  <a:lnTo>
                    <a:pt x="565392" y="0"/>
                  </a:lnTo>
                  <a:lnTo>
                    <a:pt x="0" y="0"/>
                  </a:lnTo>
                  <a:lnTo>
                    <a:pt x="558412" y="223364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Freeform 31">
              <a:extLst>
                <a:ext uri="{FF2B5EF4-FFF2-40B4-BE49-F238E27FC236}">
                  <a16:creationId xmlns:a16="http://schemas.microsoft.com/office/drawing/2014/main" id="{BC23F12E-BA5E-4D4F-9CB0-27B11984DEED}"/>
                </a:ext>
              </a:extLst>
            </p:cNvPr>
            <p:cNvSpPr/>
            <p:nvPr/>
          </p:nvSpPr>
          <p:spPr bwMode="auto">
            <a:xfrm>
              <a:off x="3370555" y="4769352"/>
              <a:ext cx="847899" cy="1108364"/>
            </a:xfrm>
            <a:custGeom>
              <a:avLst/>
              <a:gdLst>
                <a:gd name="connsiteX0" fmla="*/ 0 w 847899"/>
                <a:gd name="connsiteY0" fmla="*/ 0 h 1108364"/>
                <a:gd name="connsiteX1" fmla="*/ 282633 w 847899"/>
                <a:gd name="connsiteY1" fmla="*/ 1108364 h 1108364"/>
                <a:gd name="connsiteX2" fmla="*/ 847899 w 847899"/>
                <a:gd name="connsiteY2" fmla="*/ 1108364 h 1108364"/>
                <a:gd name="connsiteX3" fmla="*/ 565266 w 847899"/>
                <a:gd name="connsiteY3" fmla="*/ 0 h 1108364"/>
                <a:gd name="connsiteX4" fmla="*/ 0 w 847899"/>
                <a:gd name="connsiteY4" fmla="*/ 0 h 1108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899" h="1108364">
                  <a:moveTo>
                    <a:pt x="0" y="0"/>
                  </a:moveTo>
                  <a:lnTo>
                    <a:pt x="282633" y="1108364"/>
                  </a:lnTo>
                  <a:lnTo>
                    <a:pt x="847899" y="1108364"/>
                  </a:lnTo>
                  <a:lnTo>
                    <a:pt x="56526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44C9891F-50B3-F844-9154-1A2B27D171DC}"/>
                </a:ext>
              </a:extLst>
            </p:cNvPr>
            <p:cNvSpPr/>
            <p:nvPr/>
          </p:nvSpPr>
          <p:spPr bwMode="auto">
            <a:xfrm>
              <a:off x="2539189" y="4759856"/>
              <a:ext cx="837344" cy="1125021"/>
            </a:xfrm>
            <a:custGeom>
              <a:avLst/>
              <a:gdLst>
                <a:gd name="connsiteX0" fmla="*/ 0 w 837344"/>
                <a:gd name="connsiteY0" fmla="*/ 1119884 h 1125021"/>
                <a:gd name="connsiteX1" fmla="*/ 277403 w 837344"/>
                <a:gd name="connsiteY1" fmla="*/ 5138 h 1125021"/>
                <a:gd name="connsiteX2" fmla="*/ 837344 w 837344"/>
                <a:gd name="connsiteY2" fmla="*/ 0 h 1125021"/>
                <a:gd name="connsiteX3" fmla="*/ 554805 w 837344"/>
                <a:gd name="connsiteY3" fmla="*/ 1125021 h 1125021"/>
                <a:gd name="connsiteX4" fmla="*/ 0 w 837344"/>
                <a:gd name="connsiteY4" fmla="*/ 1119884 h 1125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37344" h="1125021">
                  <a:moveTo>
                    <a:pt x="0" y="1119884"/>
                  </a:moveTo>
                  <a:lnTo>
                    <a:pt x="277403" y="5138"/>
                  </a:lnTo>
                  <a:lnTo>
                    <a:pt x="837344" y="0"/>
                  </a:lnTo>
                  <a:lnTo>
                    <a:pt x="554805" y="1125021"/>
                  </a:lnTo>
                  <a:lnTo>
                    <a:pt x="0" y="111988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19B1F448-B042-534A-A215-30E289D10670}"/>
              </a:ext>
            </a:extLst>
          </p:cNvPr>
          <p:cNvGrpSpPr/>
          <p:nvPr/>
        </p:nvGrpSpPr>
        <p:grpSpPr>
          <a:xfrm>
            <a:off x="13697536" y="4065448"/>
            <a:ext cx="1872589" cy="1667597"/>
            <a:chOff x="2539189" y="3643856"/>
            <a:chExt cx="2516502" cy="2241021"/>
          </a:xfrm>
        </p:grpSpPr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FB204AD0-3A28-D840-8323-1021D75CF0B0}"/>
                </a:ext>
              </a:extLst>
            </p:cNvPr>
            <p:cNvSpPr/>
            <p:nvPr/>
          </p:nvSpPr>
          <p:spPr bwMode="auto">
            <a:xfrm>
              <a:off x="3938867" y="3643856"/>
              <a:ext cx="1116824" cy="2233648"/>
            </a:xfrm>
            <a:custGeom>
              <a:avLst/>
              <a:gdLst>
                <a:gd name="connsiteX0" fmla="*/ 558412 w 1116824"/>
                <a:gd name="connsiteY0" fmla="*/ 2233648 h 2233648"/>
                <a:gd name="connsiteX1" fmla="*/ 1116824 w 1116824"/>
                <a:gd name="connsiteY1" fmla="*/ 2233648 h 2233648"/>
                <a:gd name="connsiteX2" fmla="*/ 565392 w 1116824"/>
                <a:gd name="connsiteY2" fmla="*/ 0 h 2233648"/>
                <a:gd name="connsiteX3" fmla="*/ 0 w 1116824"/>
                <a:gd name="connsiteY3" fmla="*/ 0 h 2233648"/>
                <a:gd name="connsiteX4" fmla="*/ 558412 w 1116824"/>
                <a:gd name="connsiteY4" fmla="*/ 2233648 h 22336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6824" h="2233648">
                  <a:moveTo>
                    <a:pt x="558412" y="2233648"/>
                  </a:moveTo>
                  <a:lnTo>
                    <a:pt x="1116824" y="2233648"/>
                  </a:lnTo>
                  <a:lnTo>
                    <a:pt x="565392" y="0"/>
                  </a:lnTo>
                  <a:lnTo>
                    <a:pt x="0" y="0"/>
                  </a:lnTo>
                  <a:lnTo>
                    <a:pt x="558412" y="223364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CBF4FF22-7116-1441-ADC4-1310C1DCAFC8}"/>
                </a:ext>
              </a:extLst>
            </p:cNvPr>
            <p:cNvSpPr/>
            <p:nvPr/>
          </p:nvSpPr>
          <p:spPr bwMode="auto">
            <a:xfrm>
              <a:off x="3370555" y="4769352"/>
              <a:ext cx="847899" cy="1108364"/>
            </a:xfrm>
            <a:custGeom>
              <a:avLst/>
              <a:gdLst>
                <a:gd name="connsiteX0" fmla="*/ 0 w 847899"/>
                <a:gd name="connsiteY0" fmla="*/ 0 h 1108364"/>
                <a:gd name="connsiteX1" fmla="*/ 282633 w 847899"/>
                <a:gd name="connsiteY1" fmla="*/ 1108364 h 1108364"/>
                <a:gd name="connsiteX2" fmla="*/ 847899 w 847899"/>
                <a:gd name="connsiteY2" fmla="*/ 1108364 h 1108364"/>
                <a:gd name="connsiteX3" fmla="*/ 565266 w 847899"/>
                <a:gd name="connsiteY3" fmla="*/ 0 h 1108364"/>
                <a:gd name="connsiteX4" fmla="*/ 0 w 847899"/>
                <a:gd name="connsiteY4" fmla="*/ 0 h 1108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899" h="1108364">
                  <a:moveTo>
                    <a:pt x="0" y="0"/>
                  </a:moveTo>
                  <a:lnTo>
                    <a:pt x="282633" y="1108364"/>
                  </a:lnTo>
                  <a:lnTo>
                    <a:pt x="847899" y="1108364"/>
                  </a:lnTo>
                  <a:lnTo>
                    <a:pt x="56526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DB8A4984-0CAE-9849-9054-CA091928BED2}"/>
                </a:ext>
              </a:extLst>
            </p:cNvPr>
            <p:cNvSpPr/>
            <p:nvPr/>
          </p:nvSpPr>
          <p:spPr bwMode="auto">
            <a:xfrm>
              <a:off x="2539189" y="4759856"/>
              <a:ext cx="837344" cy="1125021"/>
            </a:xfrm>
            <a:custGeom>
              <a:avLst/>
              <a:gdLst>
                <a:gd name="connsiteX0" fmla="*/ 0 w 837344"/>
                <a:gd name="connsiteY0" fmla="*/ 1119884 h 1125021"/>
                <a:gd name="connsiteX1" fmla="*/ 277403 w 837344"/>
                <a:gd name="connsiteY1" fmla="*/ 5138 h 1125021"/>
                <a:gd name="connsiteX2" fmla="*/ 837344 w 837344"/>
                <a:gd name="connsiteY2" fmla="*/ 0 h 1125021"/>
                <a:gd name="connsiteX3" fmla="*/ 554805 w 837344"/>
                <a:gd name="connsiteY3" fmla="*/ 1125021 h 1125021"/>
                <a:gd name="connsiteX4" fmla="*/ 0 w 837344"/>
                <a:gd name="connsiteY4" fmla="*/ 1119884 h 1125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37344" h="1125021">
                  <a:moveTo>
                    <a:pt x="0" y="1119884"/>
                  </a:moveTo>
                  <a:lnTo>
                    <a:pt x="277403" y="5138"/>
                  </a:lnTo>
                  <a:lnTo>
                    <a:pt x="837344" y="0"/>
                  </a:lnTo>
                  <a:lnTo>
                    <a:pt x="554805" y="1125021"/>
                  </a:lnTo>
                  <a:lnTo>
                    <a:pt x="0" y="111988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38" name="Graphic 37">
            <a:extLst>
              <a:ext uri="{FF2B5EF4-FFF2-40B4-BE49-F238E27FC236}">
                <a16:creationId xmlns:a16="http://schemas.microsoft.com/office/drawing/2014/main" id="{264F7609-782A-BF47-8F63-DD65AB4FB02A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2549252" y="2182834"/>
            <a:ext cx="4176464" cy="4176464"/>
          </a:xfrm>
          <a:prstGeom prst="rect">
            <a:avLst/>
          </a:prstGeom>
        </p:spPr>
      </p:pic>
      <p:pic>
        <p:nvPicPr>
          <p:cNvPr id="39" name="Graphic 38">
            <a:extLst>
              <a:ext uri="{FF2B5EF4-FFF2-40B4-BE49-F238E27FC236}">
                <a16:creationId xmlns:a16="http://schemas.microsoft.com/office/drawing/2014/main" id="{1A955644-2138-2B42-83AE-2EBC9CA4B301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4794433" y="2182834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46144B2D-4F5D-5343-A4F8-5A92C62AA535}"/>
                  </a:ext>
                </a:extLst>
              </p:cNvPr>
              <p:cNvSpPr txBox="1"/>
              <p:nvPr/>
            </p:nvSpPr>
            <p:spPr>
              <a:xfrm>
                <a:off x="14222417" y="2257055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46144B2D-4F5D-5343-A4F8-5A92C62AA53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222417" y="2257055"/>
                <a:ext cx="572016" cy="354200"/>
              </a:xfrm>
              <a:prstGeom prst="rect">
                <a:avLst/>
              </a:prstGeom>
              <a:blipFill>
                <a:blip r:embed="rId19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3F13964C-D0CF-BC46-931B-1B7EA8D7B6FC}"/>
                  </a:ext>
                </a:extLst>
              </p:cNvPr>
              <p:cNvSpPr txBox="1"/>
              <p:nvPr/>
            </p:nvSpPr>
            <p:spPr>
              <a:xfrm>
                <a:off x="16467598" y="228690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3F13964C-D0CF-BC46-931B-1B7EA8D7B6F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67598" y="2286909"/>
                <a:ext cx="572208" cy="357085"/>
              </a:xfrm>
              <a:prstGeom prst="rect">
                <a:avLst/>
              </a:prstGeom>
              <a:blipFill>
                <a:blip r:embed="rId20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2" name="TextBox 41">
            <a:extLst>
              <a:ext uri="{FF2B5EF4-FFF2-40B4-BE49-F238E27FC236}">
                <a16:creationId xmlns:a16="http://schemas.microsoft.com/office/drawing/2014/main" id="{5FF7FD90-7C3A-4C40-A215-0A1CABF8FC6C}"/>
              </a:ext>
            </a:extLst>
          </p:cNvPr>
          <p:cNvSpPr txBox="1"/>
          <p:nvPr/>
        </p:nvSpPr>
        <p:spPr>
          <a:xfrm>
            <a:off x="13875328" y="1676469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866A4D65-974B-8445-A0B5-750593DD766E}"/>
              </a:ext>
            </a:extLst>
          </p:cNvPr>
          <p:cNvSpPr txBox="1"/>
          <p:nvPr/>
        </p:nvSpPr>
        <p:spPr>
          <a:xfrm>
            <a:off x="16083705" y="1676468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04D986A-D5F7-9945-A8D7-FF17EC4E95D8}"/>
                  </a:ext>
                </a:extLst>
              </p:cNvPr>
              <p:cNvSpPr txBox="1"/>
              <p:nvPr/>
            </p:nvSpPr>
            <p:spPr>
              <a:xfrm>
                <a:off x="13175071" y="4807189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04D986A-D5F7-9945-A8D7-FF17EC4E95D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175071" y="4807189"/>
                <a:ext cx="347018" cy="233910"/>
              </a:xfrm>
              <a:prstGeom prst="rect">
                <a:avLst/>
              </a:prstGeom>
              <a:blipFill>
                <a:blip r:embed="rId21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73AE4C7E-8B20-B14C-A443-8124201F8BB2}"/>
                  </a:ext>
                </a:extLst>
              </p:cNvPr>
              <p:cNvSpPr txBox="1"/>
              <p:nvPr/>
            </p:nvSpPr>
            <p:spPr>
              <a:xfrm>
                <a:off x="13565925" y="4573279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73AE4C7E-8B20-B14C-A443-8124201F8BB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65925" y="4573279"/>
                <a:ext cx="218778" cy="233910"/>
              </a:xfrm>
              <a:prstGeom prst="rect">
                <a:avLst/>
              </a:prstGeom>
              <a:blipFill>
                <a:blip r:embed="rId22"/>
                <a:stretch>
                  <a:fillRect l="-16667" r="-5556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C043405E-A3A9-2745-A42C-7A8397D07CB0}"/>
                  </a:ext>
                </a:extLst>
              </p:cNvPr>
              <p:cNvSpPr txBox="1"/>
              <p:nvPr/>
            </p:nvSpPr>
            <p:spPr>
              <a:xfrm>
                <a:off x="13567194" y="4299358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C043405E-A3A9-2745-A42C-7A8397D07CB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67194" y="4299358"/>
                <a:ext cx="223523" cy="233910"/>
              </a:xfrm>
              <a:prstGeom prst="rect">
                <a:avLst/>
              </a:prstGeom>
              <a:blipFill>
                <a:blip r:embed="rId23"/>
                <a:stretch>
                  <a:fillRect l="-16667" r="-11111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72BC9AD1-58AA-6540-9EE6-47F9DE44D2B0}"/>
                  </a:ext>
                </a:extLst>
              </p:cNvPr>
              <p:cNvSpPr txBox="1"/>
              <p:nvPr/>
            </p:nvSpPr>
            <p:spPr>
              <a:xfrm>
                <a:off x="13140872" y="3896294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72BC9AD1-58AA-6540-9EE6-47F9DE44D2B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140872" y="3896294"/>
                <a:ext cx="440890" cy="233910"/>
              </a:xfrm>
              <a:prstGeom prst="rect">
                <a:avLst/>
              </a:prstGeom>
              <a:blipFill>
                <a:blip r:embed="rId24"/>
                <a:stretch>
                  <a:fillRect l="-5556" r="-2778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8C2C1391-5C80-F046-98DB-9636E708F2F4}"/>
                  </a:ext>
                </a:extLst>
              </p:cNvPr>
              <p:cNvSpPr txBox="1"/>
              <p:nvPr/>
            </p:nvSpPr>
            <p:spPr>
              <a:xfrm>
                <a:off x="13589381" y="3647858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8C2C1391-5C80-F046-98DB-9636E708F2F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89381" y="3647858"/>
                <a:ext cx="239809" cy="233910"/>
              </a:xfrm>
              <a:prstGeom prst="rect">
                <a:avLst/>
              </a:prstGeom>
              <a:blipFill>
                <a:blip r:embed="rId25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419FDE80-0050-F340-81ED-3CAEB19A0755}"/>
                  </a:ext>
                </a:extLst>
              </p:cNvPr>
              <p:cNvSpPr txBox="1"/>
              <p:nvPr/>
            </p:nvSpPr>
            <p:spPr>
              <a:xfrm>
                <a:off x="13589381" y="3230268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419FDE80-0050-F340-81ED-3CAEB19A075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89381" y="3230268"/>
                <a:ext cx="244554" cy="233910"/>
              </a:xfrm>
              <a:prstGeom prst="rect">
                <a:avLst/>
              </a:prstGeom>
              <a:blipFill>
                <a:blip r:embed="rId26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41250396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Rectangle 43">
            <a:extLst>
              <a:ext uri="{FF2B5EF4-FFF2-40B4-BE49-F238E27FC236}">
                <a16:creationId xmlns:a16="http://schemas.microsoft.com/office/drawing/2014/main" id="{97F62F5C-9E5C-6D4B-886C-8A9FE07A4E26}"/>
              </a:ext>
            </a:extLst>
          </p:cNvPr>
          <p:cNvSpPr/>
          <p:nvPr/>
        </p:nvSpPr>
        <p:spPr bwMode="auto">
          <a:xfrm>
            <a:off x="5146965" y="3663008"/>
            <a:ext cx="1181234" cy="1184431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Rectangle 28">
            <a:extLst>
              <a:ext uri="{FF2B5EF4-FFF2-40B4-BE49-F238E27FC236}">
                <a16:creationId xmlns:a16="http://schemas.microsoft.com/office/drawing/2014/main" id="{494EE633-345B-5F4E-AD31-F649FC1E32F9}"/>
              </a:ext>
            </a:extLst>
          </p:cNvPr>
          <p:cNvSpPr/>
          <p:nvPr/>
        </p:nvSpPr>
        <p:spPr bwMode="auto">
          <a:xfrm>
            <a:off x="16877257" y="3856076"/>
            <a:ext cx="835712" cy="822344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BE6CF99-0161-D845-B3C1-50A98A829BE5}"/>
              </a:ext>
            </a:extLst>
          </p:cNvPr>
          <p:cNvSpPr/>
          <p:nvPr/>
        </p:nvSpPr>
        <p:spPr bwMode="auto">
          <a:xfrm>
            <a:off x="14632076" y="3856076"/>
            <a:ext cx="835712" cy="822344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Graphic 31">
            <a:extLst>
              <a:ext uri="{FF2B5EF4-FFF2-40B4-BE49-F238E27FC236}">
                <a16:creationId xmlns:a16="http://schemas.microsoft.com/office/drawing/2014/main" id="{AFB163F4-8537-B04D-B5A3-17BD3B8895DA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282279" y="1970330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AE935830-560F-1B46-9FF0-5C9592C1A162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527460" y="1970330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C74973CB-E753-8D42-855D-AA914269E0B3}"/>
                  </a:ext>
                </a:extLst>
              </p:cNvPr>
              <p:cNvSpPr txBox="1"/>
              <p:nvPr/>
            </p:nvSpPr>
            <p:spPr>
              <a:xfrm>
                <a:off x="14955444" y="20445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C74973CB-E753-8D42-855D-AA914269E0B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955444" y="2044551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10870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473229BF-3428-934A-B0AF-210EB00807D7}"/>
                  </a:ext>
                </a:extLst>
              </p:cNvPr>
              <p:cNvSpPr txBox="1"/>
              <p:nvPr/>
            </p:nvSpPr>
            <p:spPr>
              <a:xfrm>
                <a:off x="17200625" y="20744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473229BF-3428-934A-B0AF-210EB00807D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00625" y="2074405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86ABDF37-E47A-F648-B6F4-4FFD033BCFD2}"/>
              </a:ext>
            </a:extLst>
          </p:cNvPr>
          <p:cNvSpPr txBox="1"/>
          <p:nvPr/>
        </p:nvSpPr>
        <p:spPr>
          <a:xfrm>
            <a:off x="14608355" y="1463965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DEF9129B-40FC-764D-BB24-791BCB2EDA98}"/>
              </a:ext>
            </a:extLst>
          </p:cNvPr>
          <p:cNvSpPr txBox="1"/>
          <p:nvPr/>
        </p:nvSpPr>
        <p:spPr>
          <a:xfrm>
            <a:off x="16816732" y="1463964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B6B1B56B-6BA0-504A-A9DC-CF5E9D4C4348}"/>
                  </a:ext>
                </a:extLst>
              </p:cNvPr>
              <p:cNvSpPr txBox="1"/>
              <p:nvPr/>
            </p:nvSpPr>
            <p:spPr>
              <a:xfrm>
                <a:off x="13908098" y="4594685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B6B1B56B-6BA0-504A-A9DC-CF5E9D4C434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908098" y="4594685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357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605C0693-1E0E-EF4C-BE11-7AEE4854E0A7}"/>
                  </a:ext>
                </a:extLst>
              </p:cNvPr>
              <p:cNvSpPr txBox="1"/>
              <p:nvPr/>
            </p:nvSpPr>
            <p:spPr>
              <a:xfrm>
                <a:off x="14298952" y="4360775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605C0693-1E0E-EF4C-BE11-7AEE4854E0A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298952" y="4360775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5556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166B9769-2034-E243-8459-930031D378C0}"/>
                  </a:ext>
                </a:extLst>
              </p:cNvPr>
              <p:cNvSpPr txBox="1"/>
              <p:nvPr/>
            </p:nvSpPr>
            <p:spPr>
              <a:xfrm>
                <a:off x="14300221" y="4086854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166B9769-2034-E243-8459-930031D37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300221" y="4086854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7F79A2AF-8534-D940-AF86-92A8C3A10469}"/>
                  </a:ext>
                </a:extLst>
              </p:cNvPr>
              <p:cNvSpPr txBox="1"/>
              <p:nvPr/>
            </p:nvSpPr>
            <p:spPr>
              <a:xfrm>
                <a:off x="13873899" y="3683790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7F79A2AF-8534-D940-AF86-92A8C3A1046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873899" y="3683790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EFE4A15E-09C0-A34F-93B0-B7136507F6D4}"/>
                  </a:ext>
                </a:extLst>
              </p:cNvPr>
              <p:cNvSpPr txBox="1"/>
              <p:nvPr/>
            </p:nvSpPr>
            <p:spPr>
              <a:xfrm>
                <a:off x="14322408" y="3435354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EFE4A15E-09C0-A34F-93B0-B7136507F6D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322408" y="3435354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5000" r="-10000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4B77442F-B723-1747-A728-248B46E189E6}"/>
                  </a:ext>
                </a:extLst>
              </p:cNvPr>
              <p:cNvSpPr txBox="1"/>
              <p:nvPr/>
            </p:nvSpPr>
            <p:spPr>
              <a:xfrm>
                <a:off x="14322408" y="3017764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4B77442F-B723-1747-A728-248B46E189E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322408" y="3017764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4762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20EBA701-D310-AB4F-B0D2-15F3812670E9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20EBA701-D310-AB4F-B0D2-15F3812670E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07DC66CB-24D3-9443-AE82-F8C02A2E5C46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07DC66CB-24D3-9443-AE82-F8C02A2E5C4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1853176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621804" y="1155589"/>
            <a:ext cx="4578433" cy="45468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>
            <a:extLst>
              <a:ext uri="{FF2B5EF4-FFF2-40B4-BE49-F238E27FC236}">
                <a16:creationId xmlns:a16="http://schemas.microsoft.com/office/drawing/2014/main" id="{0D289CB7-1753-8147-B156-287668304EE3}"/>
              </a:ext>
            </a:extLst>
          </p:cNvPr>
          <p:cNvSpPr/>
          <p:nvPr/>
        </p:nvSpPr>
        <p:spPr bwMode="auto">
          <a:xfrm>
            <a:off x="5173493" y="1881141"/>
            <a:ext cx="1749877" cy="1782596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D1E08E39-98F2-7B4D-BC72-94E1A3BB67E1}"/>
              </a:ext>
            </a:extLst>
          </p:cNvPr>
          <p:cNvSpPr/>
          <p:nvPr/>
        </p:nvSpPr>
        <p:spPr bwMode="auto">
          <a:xfrm>
            <a:off x="16331616" y="2117671"/>
            <a:ext cx="1243816" cy="1253442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25C6D1F-F8CB-9A47-B751-679E5F3C2206}"/>
              </a:ext>
            </a:extLst>
          </p:cNvPr>
          <p:cNvSpPr/>
          <p:nvPr/>
        </p:nvSpPr>
        <p:spPr bwMode="auto">
          <a:xfrm>
            <a:off x="14084084" y="2117671"/>
            <a:ext cx="1243816" cy="1253442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E2A70D8B-E1FA-AE46-847E-082472D7434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06215" y="1484784"/>
            <a:ext cx="4176464" cy="4176464"/>
          </a:xfrm>
          <a:prstGeom prst="rect">
            <a:avLst/>
          </a:prstGeom>
        </p:spPr>
      </p:pic>
      <p:pic>
        <p:nvPicPr>
          <p:cNvPr id="6" name="Graphic 5">
            <a:extLst>
              <a:ext uri="{FF2B5EF4-FFF2-40B4-BE49-F238E27FC236}">
                <a16:creationId xmlns:a16="http://schemas.microsoft.com/office/drawing/2014/main" id="{F1CFF4E3-3ECB-F645-814C-D72C5C9B48D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4951396" y="1484784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046AD5AE-AC35-624B-892B-D63828584DF5}"/>
                  </a:ext>
                </a:extLst>
              </p:cNvPr>
              <p:cNvSpPr txBox="1"/>
              <p:nvPr/>
            </p:nvSpPr>
            <p:spPr>
              <a:xfrm>
                <a:off x="14379380" y="1559005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046AD5AE-AC35-624B-892B-D63828584DF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379380" y="1559005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E19F05B9-72BC-4E4B-B6DA-E57DE7F4927F}"/>
                  </a:ext>
                </a:extLst>
              </p:cNvPr>
              <p:cNvSpPr txBox="1"/>
              <p:nvPr/>
            </p:nvSpPr>
            <p:spPr>
              <a:xfrm>
                <a:off x="16624561" y="158885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E19F05B9-72BC-4E4B-B6DA-E57DE7F4927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24561" y="1588859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0638" t="-6897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TextBox 8">
            <a:extLst>
              <a:ext uri="{FF2B5EF4-FFF2-40B4-BE49-F238E27FC236}">
                <a16:creationId xmlns:a16="http://schemas.microsoft.com/office/drawing/2014/main" id="{B26F893E-C89D-A94E-8E29-4A8EA468152E}"/>
              </a:ext>
            </a:extLst>
          </p:cNvPr>
          <p:cNvSpPr txBox="1"/>
          <p:nvPr/>
        </p:nvSpPr>
        <p:spPr>
          <a:xfrm>
            <a:off x="14032291" y="978419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EE3B46A-A05F-6742-A9CE-E64A0420495D}"/>
              </a:ext>
            </a:extLst>
          </p:cNvPr>
          <p:cNvSpPr txBox="1"/>
          <p:nvPr/>
        </p:nvSpPr>
        <p:spPr>
          <a:xfrm>
            <a:off x="16240668" y="978418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B32C0778-E7DD-B647-AB5F-9A1E508372BE}"/>
                  </a:ext>
                </a:extLst>
              </p:cNvPr>
              <p:cNvSpPr txBox="1"/>
              <p:nvPr/>
            </p:nvSpPr>
            <p:spPr>
              <a:xfrm>
                <a:off x="13332034" y="4109139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B32C0778-E7DD-B647-AB5F-9A1E508372B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332034" y="4109139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6897" r="-3448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EF31D94-82BE-4A4B-B098-775C286A9F7C}"/>
                  </a:ext>
                </a:extLst>
              </p:cNvPr>
              <p:cNvSpPr txBox="1"/>
              <p:nvPr/>
            </p:nvSpPr>
            <p:spPr>
              <a:xfrm>
                <a:off x="13722888" y="3875229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EF31D94-82BE-4A4B-B098-775C286A9F7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722888" y="3875229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B2629B8F-F442-5942-A6CA-409F006EB733}"/>
                  </a:ext>
                </a:extLst>
              </p:cNvPr>
              <p:cNvSpPr txBox="1"/>
              <p:nvPr/>
            </p:nvSpPr>
            <p:spPr>
              <a:xfrm>
                <a:off x="13724157" y="3601308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B2629B8F-F442-5942-A6CA-409F006EB73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724157" y="3601308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0526" r="-5263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81C6378D-FC09-774E-88D6-31F87B96CAB6}"/>
                  </a:ext>
                </a:extLst>
              </p:cNvPr>
              <p:cNvSpPr txBox="1"/>
              <p:nvPr/>
            </p:nvSpPr>
            <p:spPr>
              <a:xfrm>
                <a:off x="13297835" y="3198244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81C6378D-FC09-774E-88D6-31F87B96CAB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297835" y="3198244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2778" r="-277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B8D24FD5-8142-864C-BB10-1EBF739F2F9F}"/>
                  </a:ext>
                </a:extLst>
              </p:cNvPr>
              <p:cNvSpPr txBox="1"/>
              <p:nvPr/>
            </p:nvSpPr>
            <p:spPr>
              <a:xfrm>
                <a:off x="13746344" y="2949808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B8D24FD5-8142-864C-BB10-1EBF739F2F9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746344" y="2949808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10000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5D083958-E484-CB45-ACD4-A87B51D8FDB3}"/>
                  </a:ext>
                </a:extLst>
              </p:cNvPr>
              <p:cNvSpPr txBox="1"/>
              <p:nvPr/>
            </p:nvSpPr>
            <p:spPr>
              <a:xfrm>
                <a:off x="13746344" y="2532218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5D083958-E484-CB45-ACD4-A87B51D8FDB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746344" y="2532218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19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20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21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22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23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24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9" name="TextBox 28">
                <a:extLst>
                  <a:ext uri="{FF2B5EF4-FFF2-40B4-BE49-F238E27FC236}">
                    <a16:creationId xmlns:a16="http://schemas.microsoft.com/office/drawing/2014/main" id="{C418B867-5DB2-A248-930E-8251B282B96B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9" name="TextBox 28">
                <a:extLst>
                  <a:ext uri="{FF2B5EF4-FFF2-40B4-BE49-F238E27FC236}">
                    <a16:creationId xmlns:a16="http://schemas.microsoft.com/office/drawing/2014/main" id="{C418B867-5DB2-A248-930E-8251B282B96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7AE01EB2-7E04-1E45-8638-DF5D9B801AED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7AE01EB2-7E04-1E45-8638-DF5D9B801A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6759928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4ECB8DD6-556A-844E-8B8A-EF2AF730F5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3" name="Picture 4">
            <a:extLst>
              <a:ext uri="{FF2B5EF4-FFF2-40B4-BE49-F238E27FC236}">
                <a16:creationId xmlns:a16="http://schemas.microsoft.com/office/drawing/2014/main" id="{60AE9E50-2168-144F-9BF0-CFD13013901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7"/>
          <a:stretch/>
        </p:blipFill>
        <p:spPr bwMode="auto">
          <a:xfrm>
            <a:off x="806450" y="1268760"/>
            <a:ext cx="5071938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86F6F20-D54E-8B46-9CB6-BE58A73EFB82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5FBA58E-5F3C-D940-929E-1084512AC992}"/>
              </a:ext>
            </a:extLst>
          </p:cNvPr>
          <p:cNvSpPr txBox="1"/>
          <p:nvPr/>
        </p:nvSpPr>
        <p:spPr>
          <a:xfrm>
            <a:off x="2630965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F0DC4B-1A27-B042-AA03-4370D5363F81}"/>
              </a:ext>
            </a:extLst>
          </p:cNvPr>
          <p:cNvSpPr txBox="1"/>
          <p:nvPr/>
        </p:nvSpPr>
        <p:spPr>
          <a:xfrm rot="16200000">
            <a:off x="439279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526189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53BC0342-7A69-0944-B204-B7C905E67C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3" name="Picture 6">
            <a:extLst>
              <a:ext uri="{FF2B5EF4-FFF2-40B4-BE49-F238E27FC236}">
                <a16:creationId xmlns:a16="http://schemas.microsoft.com/office/drawing/2014/main" id="{B08E73CF-B8AB-8C47-9D55-6A105E19962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6"/>
          <a:stretch/>
        </p:blipFill>
        <p:spPr bwMode="auto">
          <a:xfrm>
            <a:off x="6511119" y="1268760"/>
            <a:ext cx="5071939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AEC9A25-8D9B-E846-99CD-25F449519562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7999E8C-4325-4142-B3EE-5F496687D049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6" name="Picture 4">
            <a:extLst>
              <a:ext uri="{FF2B5EF4-FFF2-40B4-BE49-F238E27FC236}">
                <a16:creationId xmlns:a16="http://schemas.microsoft.com/office/drawing/2014/main" id="{D06E6D90-88DA-8E41-8783-E12915D5F9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7"/>
          <a:stretch/>
        </p:blipFill>
        <p:spPr bwMode="auto">
          <a:xfrm>
            <a:off x="806450" y="1268760"/>
            <a:ext cx="5071938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4E5052A-8EAF-CC45-8D36-03BEECFAEB6E}"/>
              </a:ext>
            </a:extLst>
          </p:cNvPr>
          <p:cNvSpPr txBox="1"/>
          <p:nvPr/>
        </p:nvSpPr>
        <p:spPr>
          <a:xfrm>
            <a:off x="8326660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A024F6C-DB0F-6E4E-8638-30CC3404FDCE}"/>
              </a:ext>
            </a:extLst>
          </p:cNvPr>
          <p:cNvSpPr txBox="1"/>
          <p:nvPr/>
        </p:nvSpPr>
        <p:spPr>
          <a:xfrm rot="16200000">
            <a:off x="6134974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664E682-B051-0146-B83E-358949D9FCC9}"/>
              </a:ext>
            </a:extLst>
          </p:cNvPr>
          <p:cNvSpPr txBox="1"/>
          <p:nvPr/>
        </p:nvSpPr>
        <p:spPr>
          <a:xfrm>
            <a:off x="2630965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4CCA2A2-1059-FF43-A532-E533EBB46D89}"/>
              </a:ext>
            </a:extLst>
          </p:cNvPr>
          <p:cNvSpPr txBox="1"/>
          <p:nvPr/>
        </p:nvSpPr>
        <p:spPr>
          <a:xfrm rot="16200000">
            <a:off x="439279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734017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EF5E5AB-211F-8546-8055-AA0A499B778B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600360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255117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23" name="Picture 6">
            <a:extLst>
              <a:ext uri="{FF2B5EF4-FFF2-40B4-BE49-F238E27FC236}">
                <a16:creationId xmlns:a16="http://schemas.microsoft.com/office/drawing/2014/main" id="{70CEDBBF-8663-C04C-A181-ECA5A17633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3" b="13966"/>
          <a:stretch/>
        </p:blipFill>
        <p:spPr bwMode="auto">
          <a:xfrm>
            <a:off x="6511119" y="1268760"/>
            <a:ext cx="5071939" cy="4522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4D7D8D69-A50E-C34E-B711-4CB4170EE4C7}"/>
              </a:ext>
            </a:extLst>
          </p:cNvPr>
          <p:cNvSpPr txBox="1"/>
          <p:nvPr/>
        </p:nvSpPr>
        <p:spPr>
          <a:xfrm>
            <a:off x="8326660" y="5791547"/>
            <a:ext cx="615553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Right sit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DD9C7C3A-8D4F-1E4C-83B6-FDD88F963FC7}"/>
              </a:ext>
            </a:extLst>
          </p:cNvPr>
          <p:cNvSpPr txBox="1"/>
          <p:nvPr/>
        </p:nvSpPr>
        <p:spPr>
          <a:xfrm rot="16200000">
            <a:off x="6134974" y="3645024"/>
            <a:ext cx="508409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200" dirty="0">
                <a:latin typeface="+mn-lt"/>
              </a:rPr>
              <a:t>Left si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20" name="Picture 6">
            <a:extLst>
              <a:ext uri="{FF2B5EF4-FFF2-40B4-BE49-F238E27FC236}">
                <a16:creationId xmlns:a16="http://schemas.microsoft.com/office/drawing/2014/main" id="{9BCDD6F4-5DE2-3248-ABB5-0026850C2A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484784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31498225-FD4F-5E40-BF19-9874F54ED11A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F3C3F820-035B-374D-B86C-CE43D117673C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785916" y="1700808"/>
            <a:ext cx="4352217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0E39864-ECCF-8340-909A-E82219C24A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E1DA3188-89C5-2B4F-92DE-2EA91F113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F23A20F-B11C-BD42-93EB-7A54041F0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A089F05-36EA-6F4D-9E81-3105DC26944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9866E091-F138-5C44-933E-73500A2D51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6094412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6094412" y="228626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6094412" y="3429593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6094411" y="980727"/>
            <a:ext cx="5927527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467465" y="4182603"/>
            <a:ext cx="1444788" cy="178878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AFB8BB0-E6FF-A045-BA6B-F265F8FD1FE7}"/>
              </a:ext>
            </a:extLst>
          </p:cNvPr>
          <p:cNvSpPr/>
          <p:nvPr/>
        </p:nvSpPr>
        <p:spPr>
          <a:xfrm>
            <a:off x="8172919" y="4181694"/>
            <a:ext cx="3763496" cy="1724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ker Rivas-González – PhD Student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Bioinformatics Research Centre (</a:t>
            </a:r>
            <a:r>
              <a:rPr lang="en-GB" sz="1600" dirty="0" err="1">
                <a:latin typeface="+mn-lt"/>
              </a:rPr>
              <a:t>BiRC</a:t>
            </a:r>
            <a:r>
              <a:rPr lang="en-GB" sz="1600" dirty="0">
                <a:latin typeface="+mn-lt"/>
              </a:rPr>
              <a:t>) Aarhus University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rg@birc.au.dk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@</a:t>
            </a:r>
            <a:r>
              <a:rPr lang="en-GB" sz="1600" dirty="0" err="1">
                <a:latin typeface="+mn-lt"/>
              </a:rPr>
              <a:t>irg_bio</a:t>
            </a:r>
            <a:endParaRPr lang="en-GB" sz="1600" dirty="0">
              <a:latin typeface="+mn-lt"/>
            </a:endParaRPr>
          </a:p>
        </p:txBody>
      </p:sp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154725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023" y="1144227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1080649" y="3204100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303564" y="3196854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92822" y="3852086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2021283" y="5811097"/>
            <a:ext cx="2051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-worker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0100" y="4506546"/>
            <a:ext cx="4294213" cy="1268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43690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206084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206084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206084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73937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16117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20361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75052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207091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204214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21" name="Picture 20" descr="Figure 1">
            <a:extLst>
              <a:ext uri="{FF2B5EF4-FFF2-40B4-BE49-F238E27FC236}">
                <a16:creationId xmlns:a16="http://schemas.microsoft.com/office/drawing/2014/main" id="{FB102E6C-5DDA-C247-9FA5-E09F7337B5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39042" y="1268760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09AEF319-9D82-8F45-8EEC-3498A8AF7DB9}"/>
              </a:ext>
            </a:extLst>
          </p:cNvPr>
          <p:cNvSpPr txBox="1"/>
          <p:nvPr/>
        </p:nvSpPr>
        <p:spPr>
          <a:xfrm>
            <a:off x="6604725" y="5709255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39426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556792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274896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588319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E321A234-4405-6F49-AAC7-60815E2947E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9DE87D0B-4A55-B147-851D-04642D3779BC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9DE87D0B-4A55-B147-851D-04642D3779B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19912CF4-3905-934A-AEA3-A1B9F02A81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3BC8E4C8-F767-3B40-8B1C-66EF118A5798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A437DE25-DC22-C44D-B90F-DD3353C6077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D6721EA6-3DB0-874F-9850-6AEDE01311C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B097DD27-5679-8445-9CCD-FDC725F7B3CF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E872A669-E3C4-C946-A19D-F9AB63ACE48A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14DA5E1F-810A-0744-BD48-A6571D729B6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7AFE2F82-CC48-554A-BCB2-F447ADB428F8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7AFE2F82-CC48-554A-BCB2-F447ADB428F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6541FA45-49C3-414D-8429-C5A1FF86F4E6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6541FA45-49C3-414D-8429-C5A1FF86F4E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D925D771-EF87-5A4F-94B4-95018666CE17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D925D771-EF87-5A4F-94B4-95018666CE1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9F3BA49-3F4C-0E4D-8D95-89B50B2BAA19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9F3BA49-3F4C-0E4D-8D95-89B50B2BAA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AB9EC91-C24D-AB49-B2C1-AE83F6A1E439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AB9EC91-C24D-AB49-B2C1-AE83F6A1E43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D8FE1803-5511-C04B-90BE-5EF84270DB7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252A562D-9823-794A-A5C5-40B1B3E1D469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086454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01</Words>
  <Application>Microsoft Macintosh PowerPoint</Application>
  <PresentationFormat>Custom</PresentationFormat>
  <Paragraphs>311</Paragraphs>
  <Slides>29</Slides>
  <Notes>28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9" baseType="lpstr">
      <vt:lpstr>Cambria Math</vt:lpstr>
      <vt:lpstr>Calibri</vt:lpstr>
      <vt:lpstr>Arial</vt:lpstr>
      <vt:lpstr>AU Passata</vt:lpstr>
      <vt:lpstr>AU Passata Light</vt:lpstr>
      <vt:lpstr>Trebuchet MS</vt:lpstr>
      <vt:lpstr>AU Peto</vt:lpstr>
      <vt:lpstr>Georgia</vt:lpstr>
      <vt:lpstr>Wingdings 3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3T15:13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